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4\③一般競争入札\③－２－３　告示起案（業務委託　２項目以上）\入札書\"/>
    </mc:Choice>
  </mc:AlternateContent>
  <bookViews>
    <workbookView xWindow="0" yWindow="0" windowWidth="24000" windowHeight="8940"/>
  </bookViews>
  <sheets>
    <sheet name="204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</externalReferences>
  <definedNames>
    <definedName name="f">#REF!</definedName>
    <definedName name="ff" localSheetId="0">[1]固定データ集!#REF!</definedName>
    <definedName name="ff">[1]固定データ集!#REF!</definedName>
    <definedName name="fff">#REF!</definedName>
    <definedName name="_xlnm.Print_Area" localSheetId="0">'204'!$A$1:$H$53</definedName>
    <definedName name="vf">#REF!</definedName>
    <definedName name="あ">[2]★入力台帳!$B$2:$BU$611</definedName>
    <definedName name="あい" localSheetId="0">[1]固定データ集!#REF!</definedName>
    <definedName name="あい">[1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2]★入力台帳!$B$1:$BU$1</definedName>
    <definedName name="い卸小売小分類一列" localSheetId="0">[1]固定データ集!#REF!</definedName>
    <definedName name="い卸小売小分類一列">[1]固定データ集!#REF!</definedName>
    <definedName name="い卸小売小分類範囲" localSheetId="0">[1]固定データ集!#REF!</definedName>
    <definedName name="い卸小売小分類範囲">[1]固定データ集!#REF!</definedName>
    <definedName name="い卸小売中分類一列" localSheetId="0">[1]固定データ集!#REF!</definedName>
    <definedName name="い卸小売中分類一列">[1]固定データ集!#REF!</definedName>
    <definedName name="う">[2]★入力台帳!$B$1:$BU$1</definedName>
    <definedName name="えサービス小分類一列" localSheetId="0">[1]固定データ集!#REF!</definedName>
    <definedName name="えサービス小分類一列">[1]固定データ集!#REF!</definedName>
    <definedName name="えサービス小分類範囲" localSheetId="0">[1]固定データ集!#REF!</definedName>
    <definedName name="えサービス小分類範囲">[1]固定データ集!#REF!</definedName>
    <definedName name="えサービス中分類一列" localSheetId="0">[1]固定データ集!#REF!</definedName>
    <definedName name="えサービス中分類一列">[1]固定データ集!#REF!</definedName>
    <definedName name="け">[2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1]固定データ集!#REF!</definedName>
    <definedName name="はは">[1]固定データ集!#REF!</definedName>
    <definedName name="プラスチック製品製造業">#REF!</definedName>
    <definedName name="ぽ">[2]★入力台帳!$B$1:$BU$1</definedName>
    <definedName name="安全注釈大分類">[3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4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4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4]★全業者リスト!$A$2:$I$4212</definedName>
    <definedName name="測量業">#REF!</definedName>
    <definedName name="速記･筆耕・複写業">#REF!</definedName>
    <definedName name="大分類">[3]ﾃﾞｰﾀｼｰﾄ!$G$2:$G$6</definedName>
    <definedName name="単価契約リスト範囲" localSheetId="0">#REF!</definedName>
    <definedName name="単価契約リスト範囲">#REF!</definedName>
    <definedName name="担当係">[3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5]★入力台帳!$B$2:$CT$101</definedName>
    <definedName name="入力台帳で項目・番号なし">[6]★入力台帳!$B$2:$BQ$598</definedName>
    <definedName name="入力台帳項目一行">[6]★入力台帳!$B$1:$BQ$1</definedName>
    <definedName name="入力台帳整理番号一列">[6]★入力台帳!$A$2:$A$598</definedName>
    <definedName name="燃料卸小売業">#REF!</definedName>
    <definedName name="農耕用品卸小売業">#REF!</definedName>
    <definedName name="廃棄物処理業">#REF!</definedName>
    <definedName name="発注課">[3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4" uniqueCount="29">
  <si>
    <t xml:space="preserve">    ２　代理人が入札するときは、入札者の押印を要しません。</t>
    <phoneticPr fontId="3"/>
  </si>
  <si>
    <t>備考１　代理人が入札する場合の訂正は、代理人の印鑑で行うこと（ただし、金額の訂正はできない。）。</t>
    <phoneticPr fontId="3"/>
  </si>
  <si>
    <t>印　</t>
    <rPh sb="0" eb="1">
      <t>イン</t>
    </rPh>
    <phoneticPr fontId="3"/>
  </si>
  <si>
    <t>　　入札代理人　　　氏　　名</t>
    <rPh sb="2" eb="4">
      <t>ニュウサツ</t>
    </rPh>
    <rPh sb="4" eb="7">
      <t>ダイリニン</t>
    </rPh>
    <phoneticPr fontId="3"/>
  </si>
  <si>
    <t>職・氏名</t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住　　所</t>
    <rPh sb="0" eb="1">
      <t>ジュウ</t>
    </rPh>
    <rPh sb="3" eb="4">
      <t>ショ</t>
    </rPh>
    <phoneticPr fontId="3"/>
  </si>
  <si>
    <t>　交通局長　浦田　洋　様</t>
    <rPh sb="1" eb="3">
      <t>コウツウ</t>
    </rPh>
    <rPh sb="3" eb="5">
      <t>キョクチョウ</t>
    </rPh>
    <rPh sb="6" eb="8">
      <t>ウラタ</t>
    </rPh>
    <rPh sb="9" eb="10">
      <t>ヨウ</t>
    </rPh>
    <rPh sb="11" eb="12">
      <t>サマ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編成</t>
  </si>
  <si>
    <t>９０００形車両</t>
  </si>
  <si>
    <t>月検査付帯業務</t>
  </si>
  <si>
    <t>８０００形車両</t>
  </si>
  <si>
    <t>５０００形車両</t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単価</t>
    <rPh sb="0" eb="2">
      <t>タンカ</t>
    </rPh>
    <phoneticPr fontId="3"/>
  </si>
  <si>
    <t>予定数量</t>
    <rPh sb="0" eb="2">
      <t>ヨテイ</t>
    </rPh>
    <rPh sb="2" eb="4">
      <t>スウリョウ</t>
    </rPh>
    <phoneticPr fontId="3"/>
  </si>
  <si>
    <t>単位</t>
    <rPh sb="0" eb="2">
      <t>タンイ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　　地下鉄車両整備（機械関係）（１）</t>
    <phoneticPr fontId="3"/>
  </si>
  <si>
    <t>※提出前に必ず内容を確認してください。</t>
    <phoneticPr fontId="3"/>
  </si>
  <si>
    <t>円也</t>
    <rPh sb="0" eb="1">
      <t>エン</t>
    </rPh>
    <rPh sb="1" eb="2">
      <t>ナリ</t>
    </rPh>
    <phoneticPr fontId="3"/>
  </si>
  <si>
    <t>入札金額</t>
    <phoneticPr fontId="3"/>
  </si>
  <si>
    <t>入　　札　　書</t>
    <rPh sb="0" eb="1">
      <t>ニュウ</t>
    </rPh>
    <rPh sb="3" eb="4">
      <t>サツ</t>
    </rPh>
    <rPh sb="6" eb="7">
      <t>ショ</t>
    </rPh>
    <phoneticPr fontId="3"/>
  </si>
  <si>
    <t>名称№２０４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[DBNum3]#,###"/>
    <numFmt numFmtId="177" formatCode="#,##0_);[Red]\(#,##0\)"/>
  </numFmts>
  <fonts count="15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ゴシック"/>
      <family val="3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14"/>
      <name val="ＭＳ ゴシック"/>
      <family val="3"/>
      <charset val="128"/>
    </font>
    <font>
      <sz val="10"/>
      <name val="ＭＳ ゴシック"/>
      <family val="3"/>
      <charset val="128"/>
    </font>
    <font>
      <sz val="14"/>
      <name val="ＭＳ 明朝"/>
      <family val="1"/>
      <charset val="128"/>
    </font>
    <font>
      <sz val="11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b/>
      <sz val="12"/>
      <name val="ＭＳ ゴシック"/>
      <family val="3"/>
      <charset val="128"/>
    </font>
    <font>
      <sz val="22"/>
      <name val="ＭＳ ゴシック"/>
      <family val="3"/>
      <charset val="128"/>
    </font>
    <font>
      <b/>
      <sz val="20"/>
      <name val="ＭＳ ゴシック"/>
      <family val="3"/>
      <charset val="128"/>
    </font>
    <font>
      <sz val="9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5">
    <xf numFmtId="0" fontId="0" fillId="0" borderId="0" xfId="0"/>
    <xf numFmtId="0" fontId="2" fillId="0" borderId="0" xfId="0" applyFont="1" applyAlignment="1">
      <alignment vertical="center"/>
    </xf>
    <xf numFmtId="176" fontId="2" fillId="0" borderId="0" xfId="0" applyNumberFormat="1" applyFont="1" applyAlignment="1">
      <alignment vertical="center"/>
    </xf>
    <xf numFmtId="0" fontId="2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176" fontId="5" fillId="0" borderId="0" xfId="0" applyNumberFormat="1" applyFont="1" applyAlignment="1">
      <alignment vertical="center"/>
    </xf>
    <xf numFmtId="0" fontId="5" fillId="0" borderId="0" xfId="0" applyFont="1" applyBorder="1" applyAlignment="1">
      <alignment vertical="center"/>
    </xf>
    <xf numFmtId="0" fontId="5" fillId="0" borderId="0" xfId="0" applyFont="1" applyAlignment="1">
      <alignment horizontal="center" vertical="center"/>
    </xf>
    <xf numFmtId="0" fontId="5" fillId="0" borderId="0" xfId="0" applyFont="1" applyBorder="1" applyAlignment="1">
      <alignment horizontal="right" vertical="center"/>
    </xf>
    <xf numFmtId="0" fontId="5" fillId="0" borderId="0" xfId="0" applyFont="1" applyBorder="1" applyAlignment="1">
      <alignment vertical="center" shrinkToFit="1"/>
    </xf>
    <xf numFmtId="0" fontId="5" fillId="0" borderId="0" xfId="0" applyFont="1" applyBorder="1" applyAlignment="1">
      <alignment vertical="center" wrapText="1"/>
    </xf>
    <xf numFmtId="177" fontId="2" fillId="0" borderId="4" xfId="0" applyNumberFormat="1" applyFont="1" applyBorder="1" applyAlignment="1">
      <alignment vertical="center" shrinkToFit="1"/>
    </xf>
    <xf numFmtId="177" fontId="2" fillId="0" borderId="5" xfId="0" applyNumberFormat="1" applyFont="1" applyBorder="1" applyAlignment="1">
      <alignment horizontal="right" vertical="center" shrinkToFit="1"/>
    </xf>
    <xf numFmtId="0" fontId="8" fillId="0" borderId="6" xfId="0" applyNumberFormat="1" applyFont="1" applyBorder="1" applyAlignment="1">
      <alignment horizontal="center" vertical="center" shrinkToFit="1"/>
    </xf>
    <xf numFmtId="0" fontId="8" fillId="0" borderId="6" xfId="0" applyNumberFormat="1" applyFont="1" applyBorder="1" applyAlignment="1">
      <alignment horizontal="left" vertical="center" shrinkToFit="1"/>
    </xf>
    <xf numFmtId="0" fontId="8" fillId="0" borderId="6" xfId="0" applyFont="1" applyBorder="1" applyAlignment="1">
      <alignment horizontal="center" vertical="center" shrinkToFit="1"/>
    </xf>
    <xf numFmtId="177" fontId="2" fillId="0" borderId="4" xfId="0" applyNumberFormat="1" applyFont="1" applyBorder="1" applyAlignment="1">
      <alignment horizontal="right" vertical="center" shrinkToFit="1"/>
    </xf>
    <xf numFmtId="0" fontId="8" fillId="0" borderId="7" xfId="0" applyNumberFormat="1" applyFont="1" applyBorder="1" applyAlignment="1">
      <alignment horizontal="center" vertical="center" shrinkToFit="1"/>
    </xf>
    <xf numFmtId="0" fontId="8" fillId="0" borderId="4" xfId="0" applyNumberFormat="1" applyFont="1" applyBorder="1" applyAlignment="1">
      <alignment horizontal="left" vertical="center" shrinkToFit="1"/>
    </xf>
    <xf numFmtId="0" fontId="8" fillId="0" borderId="7" xfId="0" applyNumberFormat="1" applyFont="1" applyBorder="1" applyAlignment="1">
      <alignment horizontal="left" vertical="center" shrinkToFit="1"/>
    </xf>
    <xf numFmtId="0" fontId="8" fillId="0" borderId="8" xfId="0" applyFont="1" applyBorder="1" applyAlignment="1">
      <alignment horizontal="center" vertical="center" shrinkToFit="1"/>
    </xf>
    <xf numFmtId="177" fontId="2" fillId="0" borderId="9" xfId="0" applyNumberFormat="1" applyFont="1" applyBorder="1" applyAlignment="1">
      <alignment vertical="center" shrinkToFit="1"/>
    </xf>
    <xf numFmtId="177" fontId="2" fillId="0" borderId="9" xfId="0" applyNumberFormat="1" applyFont="1" applyBorder="1" applyAlignment="1">
      <alignment horizontal="right" vertical="center" shrinkToFit="1"/>
    </xf>
    <xf numFmtId="0" fontId="8" fillId="0" borderId="10" xfId="0" applyNumberFormat="1" applyFont="1" applyBorder="1" applyAlignment="1">
      <alignment horizontal="center" vertical="center" shrinkToFit="1"/>
    </xf>
    <xf numFmtId="0" fontId="8" fillId="0" borderId="11" xfId="0" applyNumberFormat="1" applyFont="1" applyBorder="1" applyAlignment="1">
      <alignment horizontal="left" vertical="center" shrinkToFit="1"/>
    </xf>
    <xf numFmtId="0" fontId="8" fillId="0" borderId="8" xfId="0" applyNumberFormat="1" applyFont="1" applyBorder="1" applyAlignment="1">
      <alignment horizontal="center" vertical="center" shrinkToFit="1"/>
    </xf>
    <xf numFmtId="0" fontId="8" fillId="0" borderId="8" xfId="0" applyNumberFormat="1" applyFont="1" applyBorder="1" applyAlignment="1">
      <alignment horizontal="left" vertical="center" shrinkToFit="1"/>
    </xf>
    <xf numFmtId="177" fontId="2" fillId="0" borderId="6" xfId="0" applyNumberFormat="1" applyFont="1" applyBorder="1" applyAlignment="1">
      <alignment vertical="center" shrinkToFit="1"/>
    </xf>
    <xf numFmtId="0" fontId="8" fillId="0" borderId="12" xfId="0" applyNumberFormat="1" applyFont="1" applyBorder="1" applyAlignment="1">
      <alignment horizontal="center" vertical="center" shrinkToFit="1"/>
    </xf>
    <xf numFmtId="0" fontId="8" fillId="0" borderId="13" xfId="0" applyNumberFormat="1" applyFont="1" applyBorder="1" applyAlignment="1">
      <alignment horizontal="left" vertical="center" shrinkToFit="1"/>
    </xf>
    <xf numFmtId="177" fontId="2" fillId="0" borderId="5" xfId="0" applyNumberFormat="1" applyFont="1" applyBorder="1" applyAlignment="1">
      <alignment vertical="center" shrinkToFit="1"/>
    </xf>
    <xf numFmtId="0" fontId="8" fillId="0" borderId="5" xfId="0" applyNumberFormat="1" applyFont="1" applyBorder="1" applyAlignment="1">
      <alignment horizontal="left" vertical="center" shrinkToFit="1"/>
    </xf>
    <xf numFmtId="0" fontId="8" fillId="0" borderId="11" xfId="0" applyNumberFormat="1" applyFont="1" applyBorder="1" applyAlignment="1">
      <alignment horizontal="center" vertical="center" shrinkToFit="1"/>
    </xf>
    <xf numFmtId="0" fontId="8" fillId="0" borderId="14" xfId="0" applyNumberFormat="1" applyFont="1" applyBorder="1" applyAlignment="1">
      <alignment horizontal="left" vertical="center" shrinkToFit="1"/>
    </xf>
    <xf numFmtId="0" fontId="8" fillId="0" borderId="15" xfId="0" applyNumberFormat="1" applyFont="1" applyBorder="1" applyAlignment="1">
      <alignment horizontal="center" vertical="center" shrinkToFit="1"/>
    </xf>
    <xf numFmtId="0" fontId="8" fillId="0" borderId="13" xfId="0" applyNumberFormat="1" applyFont="1" applyBorder="1" applyAlignment="1">
      <alignment horizontal="center" vertical="center" shrinkToFit="1"/>
    </xf>
    <xf numFmtId="0" fontId="8" fillId="0" borderId="4" xfId="0" applyNumberFormat="1" applyFont="1" applyBorder="1" applyAlignment="1">
      <alignment horizontal="center" vertical="center" shrinkToFit="1"/>
    </xf>
    <xf numFmtId="177" fontId="2" fillId="0" borderId="15" xfId="0" applyNumberFormat="1" applyFont="1" applyBorder="1" applyAlignment="1">
      <alignment vertical="center" shrinkToFit="1"/>
    </xf>
    <xf numFmtId="177" fontId="2" fillId="0" borderId="14" xfId="0" applyNumberFormat="1" applyFont="1" applyBorder="1" applyAlignment="1">
      <alignment vertical="center" shrinkToFit="1"/>
    </xf>
    <xf numFmtId="177" fontId="2" fillId="0" borderId="11" xfId="0" applyNumberFormat="1" applyFont="1" applyBorder="1" applyAlignment="1">
      <alignment vertical="center" shrinkToFit="1"/>
    </xf>
    <xf numFmtId="0" fontId="8" fillId="0" borderId="16" xfId="0" applyNumberFormat="1" applyFont="1" applyBorder="1" applyAlignment="1">
      <alignment horizontal="center" vertical="center" shrinkToFit="1"/>
    </xf>
    <xf numFmtId="0" fontId="8" fillId="0" borderId="10" xfId="0" applyNumberFormat="1" applyFont="1" applyBorder="1" applyAlignment="1">
      <alignment horizontal="left" vertical="center" shrinkToFit="1"/>
    </xf>
    <xf numFmtId="0" fontId="8" fillId="0" borderId="16" xfId="0" applyNumberFormat="1" applyFont="1" applyBorder="1" applyAlignment="1">
      <alignment horizontal="left" vertical="center" shrinkToFit="1"/>
    </xf>
    <xf numFmtId="177" fontId="2" fillId="0" borderId="17" xfId="0" applyNumberFormat="1" applyFont="1" applyBorder="1" applyAlignment="1">
      <alignment horizontal="center" vertical="center" shrinkToFit="1"/>
    </xf>
    <xf numFmtId="177" fontId="2" fillId="0" borderId="18" xfId="0" applyNumberFormat="1" applyFont="1" applyBorder="1" applyAlignment="1">
      <alignment horizontal="center" vertical="center" shrinkToFit="1"/>
    </xf>
    <xf numFmtId="0" fontId="2" fillId="0" borderId="16" xfId="0" applyFont="1" applyBorder="1" applyAlignment="1">
      <alignment horizontal="center" vertical="center" shrinkToFit="1"/>
    </xf>
    <xf numFmtId="0" fontId="2" fillId="0" borderId="0" xfId="0" applyFont="1" applyBorder="1" applyAlignment="1">
      <alignment vertical="center"/>
    </xf>
    <xf numFmtId="0" fontId="9" fillId="0" borderId="0" xfId="0" applyFont="1" applyAlignment="1">
      <alignment horizontal="center" vertical="center"/>
    </xf>
    <xf numFmtId="0" fontId="10" fillId="0" borderId="0" xfId="0" applyFont="1" applyAlignment="1">
      <alignment horizontal="center" vertical="center"/>
    </xf>
    <xf numFmtId="0" fontId="11" fillId="0" borderId="0" xfId="0" applyFont="1" applyAlignment="1">
      <alignment vertical="center"/>
    </xf>
    <xf numFmtId="0" fontId="10" fillId="0" borderId="20" xfId="0" applyFont="1" applyBorder="1" applyAlignment="1">
      <alignment horizontal="center" vertical="center"/>
    </xf>
    <xf numFmtId="0" fontId="10" fillId="0" borderId="22" xfId="0" applyFont="1" applyBorder="1" applyAlignment="1">
      <alignment horizontal="center" vertical="center"/>
    </xf>
    <xf numFmtId="0" fontId="10" fillId="0" borderId="0" xfId="0" applyFont="1" applyAlignment="1">
      <alignment vertical="center"/>
    </xf>
    <xf numFmtId="0" fontId="13" fillId="0" borderId="0" xfId="0" applyFont="1" applyAlignment="1">
      <alignment vertical="center"/>
    </xf>
    <xf numFmtId="176" fontId="13" fillId="0" borderId="0" xfId="0" applyNumberFormat="1" applyFont="1" applyAlignment="1">
      <alignment vertical="center"/>
    </xf>
    <xf numFmtId="0" fontId="6" fillId="0" borderId="0" xfId="0" applyFont="1" applyAlignment="1">
      <alignment vertical="center"/>
    </xf>
    <xf numFmtId="0" fontId="2" fillId="0" borderId="0" xfId="0" applyFont="1" applyBorder="1" applyAlignment="1">
      <alignment horizontal="right" vertical="center"/>
    </xf>
    <xf numFmtId="0" fontId="2" fillId="0" borderId="0" xfId="0" applyFont="1" applyAlignment="1">
      <alignment horizontal="right" vertical="center"/>
    </xf>
    <xf numFmtId="176" fontId="2" fillId="0" borderId="0" xfId="0" applyNumberFormat="1" applyFont="1" applyAlignment="1">
      <alignment horizontal="right" vertical="center"/>
    </xf>
    <xf numFmtId="0" fontId="14" fillId="0" borderId="0" xfId="0" applyFont="1" applyAlignment="1">
      <alignment horizontal="left" vertical="center" shrinkToFit="1"/>
    </xf>
    <xf numFmtId="0" fontId="4" fillId="0" borderId="0" xfId="0" applyFont="1" applyAlignment="1">
      <alignment vertical="center" wrapText="1"/>
    </xf>
    <xf numFmtId="0" fontId="5" fillId="0" borderId="3" xfId="0" applyFont="1" applyBorder="1" applyAlignment="1">
      <alignment horizontal="center" vertical="center" shrinkToFit="1"/>
    </xf>
    <xf numFmtId="0" fontId="5" fillId="0" borderId="2" xfId="0" applyFont="1" applyBorder="1" applyAlignment="1">
      <alignment horizontal="center" vertical="center" shrinkToFit="1"/>
    </xf>
    <xf numFmtId="0" fontId="7" fillId="0" borderId="0" xfId="0" applyFont="1" applyBorder="1" applyAlignment="1">
      <alignment horizontal="left" vertical="center" wrapText="1"/>
    </xf>
    <xf numFmtId="0" fontId="14" fillId="0" borderId="0" xfId="0" applyFont="1" applyAlignment="1">
      <alignment vertical="center" shrinkToFit="1"/>
    </xf>
    <xf numFmtId="0" fontId="9" fillId="0" borderId="0" xfId="0" applyFont="1" applyAlignment="1">
      <alignment horizontal="center" vertical="center"/>
    </xf>
    <xf numFmtId="38" fontId="12" fillId="0" borderId="21" xfId="1" applyFont="1" applyBorder="1" applyAlignment="1">
      <alignment vertical="center" wrapText="1"/>
    </xf>
    <xf numFmtId="0" fontId="5" fillId="0" borderId="19" xfId="0" applyFont="1" applyBorder="1" applyAlignment="1">
      <alignment horizontal="left" vertical="center" shrinkToFit="1"/>
    </xf>
    <xf numFmtId="0" fontId="2" fillId="0" borderId="3" xfId="0" applyFont="1" applyBorder="1" applyAlignment="1">
      <alignment horizontal="center" vertical="center" shrinkToFit="1"/>
    </xf>
    <xf numFmtId="0" fontId="2" fillId="0" borderId="17" xfId="0" applyFont="1" applyBorder="1" applyAlignment="1">
      <alignment horizontal="center" vertical="center" shrinkToFit="1"/>
    </xf>
    <xf numFmtId="177" fontId="2" fillId="0" borderId="4" xfId="1" applyNumberFormat="1" applyFont="1" applyBorder="1" applyAlignment="1">
      <alignment vertical="center" shrinkToFit="1"/>
    </xf>
    <xf numFmtId="177" fontId="2" fillId="0" borderId="6" xfId="1" applyNumberFormat="1" applyFont="1" applyBorder="1" applyAlignment="1">
      <alignment vertical="center" shrinkToFit="1"/>
    </xf>
    <xf numFmtId="177" fontId="2" fillId="0" borderId="9" xfId="1" applyNumberFormat="1" applyFont="1" applyBorder="1" applyAlignment="1">
      <alignment vertical="center" shrinkToFit="1"/>
    </xf>
    <xf numFmtId="177" fontId="2" fillId="0" borderId="5" xfId="1" applyNumberFormat="1" applyFont="1" applyBorder="1" applyAlignment="1">
      <alignment vertical="center" shrinkToFit="1"/>
    </xf>
    <xf numFmtId="177" fontId="2" fillId="0" borderId="1" xfId="1" applyNumberFormat="1" applyFont="1" applyBorder="1" applyAlignment="1">
      <alignment vertical="center" shrinkToFit="1"/>
    </xf>
  </cellXfs>
  <cellStyles count="2">
    <cellStyle name="桁区切り" xfId="1" builtinId="6"/>
    <cellStyle name="標準" xfId="0" builtinId="0"/>
  </cellStyles>
  <dxfs count="5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5" Type="http://schemas.openxmlformats.org/officeDocument/2006/relationships/externalLink" Target="externalLinks/externalLink4.xml"/><Relationship Id="rId10" Type="http://schemas.openxmlformats.org/officeDocument/2006/relationships/sharedStrings" Target="sharedStrings.xml"/><Relationship Id="rId4" Type="http://schemas.openxmlformats.org/officeDocument/2006/relationships/externalLink" Target="externalLinks/externalLink3.xml"/><Relationship Id="rId9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2" name="Text Box 1"/>
        <xdr:cNvSpPr txBox="1">
          <a:spLocks noChangeArrowheads="1"/>
        </xdr:cNvSpPr>
      </xdr:nvSpPr>
      <xdr:spPr bwMode="auto">
        <a:xfrm>
          <a:off x="64994" y="1137397"/>
          <a:ext cx="952500" cy="666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sa80481/AppData/Local/Temp/Temp2_&#65298;&#65302;&#24180;&#24230;&#22865;&#32004;&#21488;&#24115;&#65288;&#29289;&#21697;&#12539;&#35069;&#36896;&#12539;&#26989;&#21209;&#65289;.zip/&#9679;&#9679;&#65298;&#65302;&#24180;&#24230;&#22865;&#32004;&#21488;&#24115;&#65288;&#29289;&#21697;&#12539;&#35069;&#36896;&#12539;&#26989;&#21209;&#65289;/&#22865;&#32004;&#21488;&#24115;/&#12496;&#12483;&#12463;&#12450;&#12483;&#12503;&#65288;&#26376;&#65297;&#22238;&#12367;&#12425;&#12356;&#12289;&#23450;&#26399;&#30340;&#12395;&#12392;&#12427;&#12371;&#12392;&#65289;/&#12496;&#12483;&#12463;&#12450;&#12483;&#12503;&#65288;&#26376;&#65297;&#22238;&#12367;&#12425;&#12356;&#12289;&#23450;&#26399;&#30340;&#12395;&#12392;&#12427;&#12371;&#12392;&#65289;/buckup250416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/112&#22865;&#32004;&#20418;/&#9632;&#29289;&#21697;&#12539;&#26989;&#21209;&#12539;&#35069;&#36896;&#12501;&#12457;&#12523;&#12480;/&#9679;&#9679;&#9733;&#65298;&#65303;&#24180;&#24230;&#22865;&#32004;&#21488;&#24115;&#65288;&#29289;&#21697;&#12539;&#35069;&#36896;&#65289;/H27&#22865;&#32004;&#21488;&#24115;&#65288;&#29289;&#21697;&#12289;&#35069;&#36896;&#65289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/>
      <sheetData sheetId="1"/>
      <sheetData sheetId="2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57"/>
  </sheetPr>
  <dimension ref="A1:J57"/>
  <sheetViews>
    <sheetView showZeros="0" tabSelected="1" view="pageBreakPreview" zoomScale="85" zoomScaleNormal="100" zoomScaleSheetLayoutView="85" workbookViewId="0">
      <selection activeCell="G9" sqref="G9"/>
    </sheetView>
  </sheetViews>
  <sheetFormatPr defaultRowHeight="14.25" x14ac:dyDescent="0.15"/>
  <cols>
    <col min="1" max="1" width="4" style="3" customWidth="1"/>
    <col min="2" max="2" width="30.625" style="1" customWidth="1"/>
    <col min="3" max="3" width="3.75" style="1" customWidth="1"/>
    <col min="4" max="4" width="30.625" style="1" customWidth="1"/>
    <col min="5" max="5" width="4.375" style="1" customWidth="1"/>
    <col min="6" max="6" width="11.25" style="2" customWidth="1"/>
    <col min="7" max="7" width="14.625" style="1" customWidth="1"/>
    <col min="8" max="8" width="18.25" style="1" customWidth="1"/>
    <col min="9" max="16384" width="9" style="1"/>
  </cols>
  <sheetData>
    <row r="1" spans="1:10" ht="24" customHeight="1" x14ac:dyDescent="0.15">
      <c r="A1" s="59"/>
      <c r="B1" s="64"/>
      <c r="C1" s="64"/>
      <c r="D1" s="64"/>
      <c r="E1" s="57"/>
      <c r="F1" s="58"/>
      <c r="G1" s="57"/>
      <c r="H1" s="56" t="s">
        <v>28</v>
      </c>
    </row>
    <row r="2" spans="1:10" ht="6.75" customHeight="1" x14ac:dyDescent="0.15">
      <c r="B2" s="55"/>
      <c r="C2" s="55"/>
      <c r="D2" s="53"/>
      <c r="E2" s="53"/>
      <c r="F2" s="54"/>
      <c r="G2" s="53"/>
      <c r="H2" s="53"/>
    </row>
    <row r="3" spans="1:10" ht="38.25" customHeight="1" x14ac:dyDescent="0.15">
      <c r="A3" s="65" t="s">
        <v>27</v>
      </c>
      <c r="B3" s="65"/>
      <c r="C3" s="65"/>
      <c r="D3" s="65"/>
      <c r="E3" s="65"/>
      <c r="F3" s="65"/>
      <c r="G3" s="65"/>
      <c r="H3" s="65"/>
    </row>
    <row r="4" spans="1:10" ht="12.75" customHeight="1" thickBot="1" x14ac:dyDescent="0.2">
      <c r="A4" s="47"/>
      <c r="B4" s="47"/>
      <c r="C4" s="47"/>
      <c r="D4" s="47"/>
      <c r="E4" s="47"/>
      <c r="F4" s="47"/>
      <c r="G4" s="47"/>
      <c r="H4" s="47"/>
    </row>
    <row r="5" spans="1:10" ht="38.25" customHeight="1" thickBot="1" x14ac:dyDescent="0.2">
      <c r="A5" s="52"/>
      <c r="B5" s="51" t="s">
        <v>26</v>
      </c>
      <c r="C5" s="66"/>
      <c r="D5" s="66"/>
      <c r="E5" s="66"/>
      <c r="F5" s="66"/>
      <c r="G5" s="50" t="s">
        <v>25</v>
      </c>
      <c r="H5" s="47"/>
      <c r="J5" s="49" t="s">
        <v>24</v>
      </c>
    </row>
    <row r="6" spans="1:10" ht="12.75" customHeight="1" x14ac:dyDescent="0.15">
      <c r="A6" s="48"/>
      <c r="B6" s="48"/>
      <c r="C6" s="48"/>
      <c r="D6" s="48"/>
      <c r="E6" s="48"/>
      <c r="F6" s="48"/>
      <c r="G6" s="48"/>
      <c r="H6" s="47"/>
    </row>
    <row r="7" spans="1:10" ht="36.75" customHeight="1" x14ac:dyDescent="0.15">
      <c r="A7" s="7"/>
      <c r="B7" s="67" t="s">
        <v>23</v>
      </c>
      <c r="C7" s="67"/>
      <c r="D7" s="67"/>
      <c r="H7" s="46"/>
    </row>
    <row r="8" spans="1:10" ht="24.95" customHeight="1" x14ac:dyDescent="0.15">
      <c r="A8" s="68" t="s">
        <v>22</v>
      </c>
      <c r="B8" s="69"/>
      <c r="C8" s="68" t="s">
        <v>21</v>
      </c>
      <c r="D8" s="69"/>
      <c r="E8" s="45" t="s">
        <v>20</v>
      </c>
      <c r="F8" s="43" t="s">
        <v>19</v>
      </c>
      <c r="G8" s="44" t="s">
        <v>18</v>
      </c>
      <c r="H8" s="43" t="s">
        <v>17</v>
      </c>
    </row>
    <row r="9" spans="1:10" ht="24.95" customHeight="1" x14ac:dyDescent="0.15">
      <c r="A9" s="20">
        <v>1</v>
      </c>
      <c r="B9" s="42" t="s">
        <v>14</v>
      </c>
      <c r="C9" s="23">
        <v>1</v>
      </c>
      <c r="D9" s="41" t="s">
        <v>16</v>
      </c>
      <c r="E9" s="40" t="s">
        <v>12</v>
      </c>
      <c r="F9" s="16">
        <v>78</v>
      </c>
      <c r="G9" s="39"/>
      <c r="H9" s="70"/>
    </row>
    <row r="10" spans="1:10" ht="24.95" customHeight="1" x14ac:dyDescent="0.15">
      <c r="A10" s="20">
        <v>1</v>
      </c>
      <c r="B10" s="19" t="s">
        <v>14</v>
      </c>
      <c r="C10" s="17">
        <v>2</v>
      </c>
      <c r="D10" s="18" t="s">
        <v>15</v>
      </c>
      <c r="E10" s="36" t="s">
        <v>12</v>
      </c>
      <c r="F10" s="16">
        <v>95</v>
      </c>
      <c r="G10" s="11"/>
      <c r="H10" s="70"/>
    </row>
    <row r="11" spans="1:10" ht="24.95" customHeight="1" x14ac:dyDescent="0.15">
      <c r="A11" s="20">
        <v>1</v>
      </c>
      <c r="B11" s="19" t="s">
        <v>14</v>
      </c>
      <c r="C11" s="17">
        <v>3</v>
      </c>
      <c r="D11" s="18" t="s">
        <v>13</v>
      </c>
      <c r="E11" s="36" t="s">
        <v>12</v>
      </c>
      <c r="F11" s="16">
        <v>76</v>
      </c>
      <c r="G11" s="11"/>
      <c r="H11" s="70"/>
    </row>
    <row r="12" spans="1:10" ht="24.95" customHeight="1" x14ac:dyDescent="0.15">
      <c r="A12" s="20"/>
      <c r="B12" s="19"/>
      <c r="C12" s="17"/>
      <c r="D12" s="18"/>
      <c r="E12" s="36"/>
      <c r="F12" s="16"/>
      <c r="G12" s="11"/>
      <c r="H12" s="70"/>
    </row>
    <row r="13" spans="1:10" ht="24.95" customHeight="1" x14ac:dyDescent="0.15">
      <c r="A13" s="15"/>
      <c r="B13" s="14"/>
      <c r="C13" s="13"/>
      <c r="D13" s="29"/>
      <c r="E13" s="35"/>
      <c r="F13" s="12"/>
      <c r="G13" s="38"/>
      <c r="H13" s="71"/>
    </row>
    <row r="14" spans="1:10" ht="24.95" customHeight="1" x14ac:dyDescent="0.15">
      <c r="A14" s="20"/>
      <c r="B14" s="26"/>
      <c r="C14" s="25"/>
      <c r="D14" s="24"/>
      <c r="E14" s="32"/>
      <c r="F14" s="22"/>
      <c r="G14" s="37"/>
      <c r="H14" s="72"/>
    </row>
    <row r="15" spans="1:10" ht="24.95" customHeight="1" x14ac:dyDescent="0.15">
      <c r="A15" s="20"/>
      <c r="B15" s="19"/>
      <c r="C15" s="17"/>
      <c r="D15" s="18"/>
      <c r="E15" s="36"/>
      <c r="F15" s="16"/>
      <c r="G15" s="21"/>
      <c r="H15" s="70"/>
    </row>
    <row r="16" spans="1:10" ht="24.95" customHeight="1" x14ac:dyDescent="0.15">
      <c r="A16" s="20"/>
      <c r="B16" s="19"/>
      <c r="C16" s="17"/>
      <c r="D16" s="18"/>
      <c r="E16" s="36"/>
      <c r="F16" s="16"/>
      <c r="G16" s="11"/>
      <c r="H16" s="70"/>
    </row>
    <row r="17" spans="1:8" ht="24.95" customHeight="1" x14ac:dyDescent="0.15">
      <c r="A17" s="20"/>
      <c r="B17" s="19"/>
      <c r="C17" s="17"/>
      <c r="D17" s="18"/>
      <c r="E17" s="36"/>
      <c r="F17" s="16"/>
      <c r="G17" s="11"/>
      <c r="H17" s="70"/>
    </row>
    <row r="18" spans="1:8" ht="24.95" customHeight="1" x14ac:dyDescent="0.15">
      <c r="A18" s="15"/>
      <c r="B18" s="14"/>
      <c r="C18" s="13"/>
      <c r="D18" s="29"/>
      <c r="E18" s="35"/>
      <c r="F18" s="12"/>
      <c r="G18" s="30"/>
      <c r="H18" s="71"/>
    </row>
    <row r="19" spans="1:8" ht="24.95" customHeight="1" x14ac:dyDescent="0.15">
      <c r="A19" s="20"/>
      <c r="B19" s="26"/>
      <c r="C19" s="25"/>
      <c r="D19" s="24"/>
      <c r="E19" s="32"/>
      <c r="F19" s="22"/>
      <c r="G19" s="21"/>
      <c r="H19" s="72"/>
    </row>
    <row r="20" spans="1:8" ht="24.95" customHeight="1" x14ac:dyDescent="0.15">
      <c r="A20" s="20"/>
      <c r="B20" s="19"/>
      <c r="C20" s="17"/>
      <c r="D20" s="18"/>
      <c r="E20" s="36"/>
      <c r="F20" s="16"/>
      <c r="G20" s="11"/>
      <c r="H20" s="70"/>
    </row>
    <row r="21" spans="1:8" ht="24.95" customHeight="1" x14ac:dyDescent="0.15">
      <c r="A21" s="20"/>
      <c r="B21" s="19"/>
      <c r="C21" s="17"/>
      <c r="D21" s="18"/>
      <c r="E21" s="36"/>
      <c r="F21" s="16"/>
      <c r="G21" s="11"/>
      <c r="H21" s="70"/>
    </row>
    <row r="22" spans="1:8" ht="24.95" customHeight="1" x14ac:dyDescent="0.15">
      <c r="A22" s="20"/>
      <c r="B22" s="19"/>
      <c r="C22" s="17"/>
      <c r="D22" s="18"/>
      <c r="E22" s="36"/>
      <c r="F22" s="16"/>
      <c r="G22" s="11"/>
      <c r="H22" s="70"/>
    </row>
    <row r="23" spans="1:8" ht="24.95" customHeight="1" x14ac:dyDescent="0.15">
      <c r="A23" s="15"/>
      <c r="B23" s="14"/>
      <c r="C23" s="13"/>
      <c r="D23" s="29"/>
      <c r="E23" s="35"/>
      <c r="F23" s="12"/>
      <c r="G23" s="27"/>
      <c r="H23" s="73"/>
    </row>
    <row r="24" spans="1:8" ht="24.95" customHeight="1" x14ac:dyDescent="0.15">
      <c r="A24" s="20"/>
      <c r="B24" s="26"/>
      <c r="C24" s="25"/>
      <c r="D24" s="24"/>
      <c r="E24" s="34"/>
      <c r="F24" s="22"/>
      <c r="G24" s="21"/>
      <c r="H24" s="72"/>
    </row>
    <row r="25" spans="1:8" ht="24.95" customHeight="1" x14ac:dyDescent="0.15">
      <c r="A25" s="20"/>
      <c r="B25" s="19"/>
      <c r="C25" s="17"/>
      <c r="D25" s="33"/>
      <c r="E25" s="32"/>
      <c r="F25" s="16"/>
      <c r="G25" s="11"/>
      <c r="H25" s="70"/>
    </row>
    <row r="26" spans="1:8" ht="24.95" customHeight="1" x14ac:dyDescent="0.15">
      <c r="A26" s="20"/>
      <c r="B26" s="19"/>
      <c r="C26" s="17"/>
      <c r="D26" s="18"/>
      <c r="E26" s="17"/>
      <c r="F26" s="16"/>
      <c r="G26" s="11"/>
      <c r="H26" s="70"/>
    </row>
    <row r="27" spans="1:8" ht="24.95" customHeight="1" x14ac:dyDescent="0.15">
      <c r="A27" s="20"/>
      <c r="B27" s="19"/>
      <c r="C27" s="17"/>
      <c r="D27" s="18"/>
      <c r="E27" s="17"/>
      <c r="F27" s="16"/>
      <c r="G27" s="11"/>
      <c r="H27" s="70"/>
    </row>
    <row r="28" spans="1:8" ht="24.95" customHeight="1" x14ac:dyDescent="0.15">
      <c r="A28" s="15"/>
      <c r="B28" s="14"/>
      <c r="C28" s="13"/>
      <c r="D28" s="31"/>
      <c r="E28" s="13"/>
      <c r="F28" s="12"/>
      <c r="G28" s="30"/>
      <c r="H28" s="73"/>
    </row>
    <row r="29" spans="1:8" ht="24.95" customHeight="1" x14ac:dyDescent="0.15">
      <c r="A29" s="20"/>
      <c r="B29" s="26"/>
      <c r="C29" s="25"/>
      <c r="D29" s="24"/>
      <c r="E29" s="25"/>
      <c r="F29" s="22"/>
      <c r="G29" s="21"/>
      <c r="H29" s="72"/>
    </row>
    <row r="30" spans="1:8" ht="24.95" customHeight="1" x14ac:dyDescent="0.15">
      <c r="A30" s="20"/>
      <c r="B30" s="19"/>
      <c r="C30" s="17"/>
      <c r="D30" s="18"/>
      <c r="E30" s="17"/>
      <c r="F30" s="16"/>
      <c r="G30" s="11"/>
      <c r="H30" s="70"/>
    </row>
    <row r="31" spans="1:8" ht="24.95" customHeight="1" x14ac:dyDescent="0.15">
      <c r="A31" s="20"/>
      <c r="B31" s="19"/>
      <c r="C31" s="17"/>
      <c r="D31" s="18"/>
      <c r="E31" s="17"/>
      <c r="F31" s="16"/>
      <c r="G31" s="11"/>
      <c r="H31" s="70"/>
    </row>
    <row r="32" spans="1:8" ht="24.95" customHeight="1" x14ac:dyDescent="0.15">
      <c r="A32" s="20"/>
      <c r="B32" s="19"/>
      <c r="C32" s="17"/>
      <c r="D32" s="18"/>
      <c r="E32" s="17"/>
      <c r="F32" s="16"/>
      <c r="G32" s="11"/>
      <c r="H32" s="70"/>
    </row>
    <row r="33" spans="1:8" ht="24.95" customHeight="1" x14ac:dyDescent="0.15">
      <c r="A33" s="15"/>
      <c r="B33" s="14"/>
      <c r="C33" s="13"/>
      <c r="D33" s="29"/>
      <c r="E33" s="28"/>
      <c r="F33" s="12"/>
      <c r="G33" s="27"/>
      <c r="H33" s="73"/>
    </row>
    <row r="34" spans="1:8" ht="24.95" customHeight="1" x14ac:dyDescent="0.15">
      <c r="A34" s="20"/>
      <c r="B34" s="26"/>
      <c r="C34" s="25"/>
      <c r="D34" s="24"/>
      <c r="E34" s="23"/>
      <c r="F34" s="22"/>
      <c r="G34" s="21"/>
      <c r="H34" s="72"/>
    </row>
    <row r="35" spans="1:8" ht="24.95" customHeight="1" x14ac:dyDescent="0.15">
      <c r="A35" s="20"/>
      <c r="B35" s="19"/>
      <c r="C35" s="17"/>
      <c r="D35" s="18"/>
      <c r="E35" s="17"/>
      <c r="F35" s="16"/>
      <c r="G35" s="11"/>
      <c r="H35" s="70"/>
    </row>
    <row r="36" spans="1:8" ht="24.95" customHeight="1" x14ac:dyDescent="0.15">
      <c r="A36" s="20"/>
      <c r="B36" s="19"/>
      <c r="C36" s="17"/>
      <c r="D36" s="18"/>
      <c r="E36" s="17"/>
      <c r="F36" s="16"/>
      <c r="G36" s="11"/>
      <c r="H36" s="70"/>
    </row>
    <row r="37" spans="1:8" ht="24.95" customHeight="1" x14ac:dyDescent="0.15">
      <c r="A37" s="20"/>
      <c r="B37" s="19"/>
      <c r="C37" s="17"/>
      <c r="D37" s="18"/>
      <c r="E37" s="17"/>
      <c r="F37" s="16"/>
      <c r="G37" s="11"/>
      <c r="H37" s="70"/>
    </row>
    <row r="38" spans="1:8" ht="24.95" customHeight="1" thickBot="1" x14ac:dyDescent="0.2">
      <c r="A38" s="15"/>
      <c r="B38" s="14"/>
      <c r="C38" s="13"/>
      <c r="D38" s="14"/>
      <c r="E38" s="13"/>
      <c r="F38" s="12"/>
      <c r="G38" s="11"/>
      <c r="H38" s="70"/>
    </row>
    <row r="39" spans="1:8" ht="24.95" customHeight="1" thickBot="1" x14ac:dyDescent="0.2">
      <c r="A39" s="61" t="s">
        <v>11</v>
      </c>
      <c r="B39" s="62"/>
      <c r="C39" s="62"/>
      <c r="D39" s="62"/>
      <c r="E39" s="62"/>
      <c r="F39" s="62"/>
      <c r="G39" s="62"/>
      <c r="H39" s="74"/>
    </row>
    <row r="40" spans="1:8" ht="12" customHeight="1" x14ac:dyDescent="0.15">
      <c r="A40" s="10"/>
      <c r="B40" s="10"/>
      <c r="C40" s="10"/>
      <c r="D40" s="10"/>
      <c r="E40" s="10"/>
      <c r="F40" s="10"/>
      <c r="G40" s="10"/>
      <c r="H40" s="10"/>
    </row>
    <row r="41" spans="1:8" ht="40.5" customHeight="1" x14ac:dyDescent="0.15">
      <c r="A41" s="63" t="s">
        <v>10</v>
      </c>
      <c r="B41" s="63"/>
      <c r="C41" s="63"/>
      <c r="D41" s="63"/>
      <c r="E41" s="63"/>
      <c r="F41" s="63"/>
      <c r="G41" s="63"/>
      <c r="H41" s="63"/>
    </row>
    <row r="42" spans="1:8" ht="20.100000000000001" customHeight="1" x14ac:dyDescent="0.15">
      <c r="A42" s="6"/>
      <c r="B42" s="6"/>
      <c r="C42" s="6"/>
      <c r="D42" s="6"/>
      <c r="E42" s="6"/>
      <c r="F42" s="6"/>
      <c r="G42" s="8" t="s">
        <v>9</v>
      </c>
      <c r="H42" s="6"/>
    </row>
    <row r="43" spans="1:8" ht="20.100000000000001" customHeight="1" x14ac:dyDescent="0.15">
      <c r="A43" s="6"/>
      <c r="B43" s="6" t="s">
        <v>8</v>
      </c>
      <c r="C43" s="6"/>
      <c r="D43" s="6"/>
      <c r="E43" s="6"/>
      <c r="F43" s="6"/>
      <c r="G43" s="6"/>
      <c r="H43" s="6"/>
    </row>
    <row r="44" spans="1:8" ht="20.100000000000001" customHeight="1" x14ac:dyDescent="0.15">
      <c r="A44" s="6"/>
      <c r="B44" s="9" t="s">
        <v>7</v>
      </c>
      <c r="C44" s="6"/>
      <c r="D44" s="6"/>
      <c r="E44" s="6"/>
      <c r="F44" s="6"/>
      <c r="G44" s="6"/>
      <c r="H44" s="6"/>
    </row>
    <row r="45" spans="1:8" ht="20.100000000000001" customHeight="1" x14ac:dyDescent="0.15">
      <c r="A45" s="6"/>
      <c r="B45" s="6"/>
      <c r="C45" s="6"/>
      <c r="D45" s="8" t="s">
        <v>6</v>
      </c>
      <c r="E45" s="6"/>
      <c r="F45" s="6"/>
      <c r="G45" s="6"/>
      <c r="H45" s="6"/>
    </row>
    <row r="46" spans="1:8" ht="20.100000000000001" customHeight="1" x14ac:dyDescent="0.15">
      <c r="A46" s="6"/>
      <c r="B46" s="6"/>
      <c r="C46" s="6"/>
      <c r="D46" s="8" t="s">
        <v>5</v>
      </c>
      <c r="E46" s="6"/>
      <c r="F46" s="6"/>
      <c r="G46" s="6"/>
      <c r="H46" s="8" t="s">
        <v>2</v>
      </c>
    </row>
    <row r="47" spans="1:8" ht="20.100000000000001" customHeight="1" x14ac:dyDescent="0.15">
      <c r="A47" s="6"/>
      <c r="B47" s="6"/>
      <c r="C47" s="6"/>
      <c r="D47" s="8" t="s">
        <v>4</v>
      </c>
      <c r="E47" s="6"/>
      <c r="F47" s="6"/>
      <c r="G47" s="6"/>
      <c r="H47" s="6"/>
    </row>
    <row r="48" spans="1:8" ht="20.100000000000001" customHeight="1" x14ac:dyDescent="0.15">
      <c r="A48" s="4"/>
      <c r="B48" s="4"/>
      <c r="C48" s="4"/>
      <c r="D48" s="4"/>
      <c r="E48" s="4"/>
      <c r="F48" s="5"/>
      <c r="G48" s="4"/>
      <c r="H48" s="4"/>
    </row>
    <row r="49" spans="1:8" ht="20.100000000000001" customHeight="1" x14ac:dyDescent="0.15">
      <c r="A49" s="4"/>
      <c r="B49" s="4"/>
      <c r="C49" s="4"/>
      <c r="D49" s="8" t="s">
        <v>3</v>
      </c>
      <c r="E49" s="6"/>
      <c r="F49" s="5"/>
      <c r="G49" s="4"/>
      <c r="H49" s="8" t="s">
        <v>2</v>
      </c>
    </row>
    <row r="50" spans="1:8" ht="20.100000000000001" customHeight="1" x14ac:dyDescent="0.15">
      <c r="A50" s="7"/>
      <c r="B50" s="4"/>
      <c r="C50" s="4"/>
      <c r="D50" s="4"/>
      <c r="E50" s="6"/>
      <c r="F50" s="5"/>
      <c r="G50" s="4"/>
      <c r="H50" s="4"/>
    </row>
    <row r="51" spans="1:8" ht="20.100000000000001" customHeight="1" x14ac:dyDescent="0.15"/>
    <row r="52" spans="1:8" ht="20.100000000000001" customHeight="1" x14ac:dyDescent="0.15">
      <c r="A52" s="60" t="s">
        <v>1</v>
      </c>
      <c r="B52" s="60"/>
      <c r="C52" s="60"/>
      <c r="D52" s="60"/>
      <c r="E52" s="60"/>
      <c r="F52" s="60"/>
      <c r="G52" s="60"/>
      <c r="H52" s="60"/>
    </row>
    <row r="53" spans="1:8" ht="20.100000000000001" customHeight="1" x14ac:dyDescent="0.15">
      <c r="A53" s="60" t="s">
        <v>0</v>
      </c>
      <c r="B53" s="60"/>
      <c r="C53" s="60"/>
      <c r="D53" s="60"/>
      <c r="E53" s="60"/>
      <c r="F53" s="60"/>
      <c r="G53" s="60"/>
      <c r="H53" s="60"/>
    </row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10">
    <mergeCell ref="A52:H52"/>
    <mergeCell ref="A53:H53"/>
    <mergeCell ref="A39:G39"/>
    <mergeCell ref="A41:H41"/>
    <mergeCell ref="B1:D1"/>
    <mergeCell ref="A3:H3"/>
    <mergeCell ref="C5:F5"/>
    <mergeCell ref="B7:D7"/>
    <mergeCell ref="A8:B8"/>
    <mergeCell ref="C8:D8"/>
  </mergeCells>
  <phoneticPr fontId="3"/>
  <conditionalFormatting sqref="A9:A38 A40">
    <cfRule type="expression" dxfId="4" priority="5" stopIfTrue="1">
      <formula>ISERROR(B9)</formula>
    </cfRule>
  </conditionalFormatting>
  <conditionalFormatting sqref="B9:F38">
    <cfRule type="expression" dxfId="3" priority="4" stopIfTrue="1">
      <formula>ISERROR(B9)</formula>
    </cfRule>
  </conditionalFormatting>
  <conditionalFormatting sqref="A39">
    <cfRule type="expression" dxfId="2" priority="3" stopIfTrue="1">
      <formula>ISERROR(B39)</formula>
    </cfRule>
  </conditionalFormatting>
  <conditionalFormatting sqref="H39">
    <cfRule type="expression" dxfId="1" priority="2" stopIfTrue="1">
      <formula>ISERROR(H39)</formula>
    </cfRule>
  </conditionalFormatting>
  <conditionalFormatting sqref="G9:H38">
    <cfRule type="expression" dxfId="0" priority="1" stopIfTrue="1">
      <formula>ISERROR(G9)</formula>
    </cfRule>
  </conditionalFormatting>
  <pageMargins left="0.98425196850393704" right="0.19685039370078741" top="0.35433070866141736" bottom="0.19685039370078741" header="0.35433070866141736" footer="0.19685039370078741"/>
  <pageSetup paperSize="9" scale="70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04</vt:lpstr>
      <vt:lpstr>'204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1121.濱田　浩二</dc:creator>
  <cp:lastModifiedBy>1121.濱田　浩二</cp:lastModifiedBy>
  <dcterms:created xsi:type="dcterms:W3CDTF">2022-03-01T11:47:39Z</dcterms:created>
  <dcterms:modified xsi:type="dcterms:W3CDTF">2022-03-01T11:55:52Z</dcterms:modified>
</cp:coreProperties>
</file>